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1"/>
  </p:notesMasterIdLst>
  <p:handoutMasterIdLst>
    <p:handoutMasterId r:id="rId22"/>
  </p:handoutMasterIdLst>
  <p:sldIdLst>
    <p:sldId id="256" r:id="rId8"/>
    <p:sldId id="260" r:id="rId9"/>
    <p:sldId id="272" r:id="rId10"/>
    <p:sldId id="283" r:id="rId11"/>
    <p:sldId id="284" r:id="rId12"/>
    <p:sldId id="285" r:id="rId13"/>
    <p:sldId id="286" r:id="rId14"/>
    <p:sldId id="289" r:id="rId15"/>
    <p:sldId id="290" r:id="rId16"/>
    <p:sldId id="291" r:id="rId17"/>
    <p:sldId id="293" r:id="rId18"/>
    <p:sldId id="301" r:id="rId19"/>
    <p:sldId id="294" r:id="rId20"/>
  </p:sldIdLst>
  <p:sldSz cx="12190413" cy="6858000"/>
  <p:notesSz cx="6858000" cy="9144000"/>
  <p:custDataLst>
    <p:tags r:id="rId2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icolaj Hans Nielsen" initials="NHN" lastIdx="1" clrIdx="0">
    <p:extLst>
      <p:ext uri="{19B8F6BF-5375-455C-9EA6-DF929625EA0E}">
        <p15:presenceInfo xmlns:p15="http://schemas.microsoft.com/office/powerpoint/2012/main" userId="Nicolaj Hans Nielsen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F3EEA"/>
    <a:srgbClr val="171748"/>
    <a:srgbClr val="1FD082"/>
    <a:srgbClr val="FFFFFF"/>
    <a:srgbClr val="990000"/>
    <a:srgbClr val="000000"/>
    <a:srgbClr val="FFCC00"/>
    <a:srgbClr val="FF6600"/>
    <a:srgbClr val="FF0000"/>
    <a:srgbClr val="FF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794" autoAdjust="0"/>
    <p:restoredTop sz="94878" autoAdjust="0"/>
  </p:normalViewPr>
  <p:slideViewPr>
    <p:cSldViewPr showGuides="1">
      <p:cViewPr varScale="1">
        <p:scale>
          <a:sx n="105" d="100"/>
          <a:sy n="105" d="100"/>
        </p:scale>
        <p:origin x="498" y="7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gs" Target="tags/tag1.xml"/><Relationship Id="rId28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handoutMaster" Target="handoutMasters/handoutMaster1.xml"/><Relationship Id="rId27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nton Ruby" userId="0437879b-7f11-4ed3-a9a2-ac7e51bb8ff3" providerId="ADAL" clId="{7DA0DACD-F718-4979-B1AD-D0B448BB6AF9}"/>
    <pc:docChg chg="custSel addSld delSld modSld">
      <pc:chgData name="Anton Ruby" userId="0437879b-7f11-4ed3-a9a2-ac7e51bb8ff3" providerId="ADAL" clId="{7DA0DACD-F718-4979-B1AD-D0B448BB6AF9}" dt="2022-05-16T13:30:09.060" v="40" actId="478"/>
      <pc:docMkLst>
        <pc:docMk/>
      </pc:docMkLst>
      <pc:sldChg chg="modSp mod">
        <pc:chgData name="Anton Ruby" userId="0437879b-7f11-4ed3-a9a2-ac7e51bb8ff3" providerId="ADAL" clId="{7DA0DACD-F718-4979-B1AD-D0B448BB6AF9}" dt="2022-05-16T13:08:17.642" v="16" actId="20577"/>
        <pc:sldMkLst>
          <pc:docMk/>
          <pc:sldMk cId="2320714135" sldId="260"/>
        </pc:sldMkLst>
        <pc:spChg chg="mod">
          <ac:chgData name="Anton Ruby" userId="0437879b-7f11-4ed3-a9a2-ac7e51bb8ff3" providerId="ADAL" clId="{7DA0DACD-F718-4979-B1AD-D0B448BB6AF9}" dt="2022-05-16T13:08:17.642" v="16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delSp mod delAnim">
        <pc:chgData name="Anton Ruby" userId="0437879b-7f11-4ed3-a9a2-ac7e51bb8ff3" providerId="ADAL" clId="{7DA0DACD-F718-4979-B1AD-D0B448BB6AF9}" dt="2022-05-16T12:34:28.880" v="0" actId="478"/>
        <pc:sldMkLst>
          <pc:docMk/>
          <pc:sldMk cId="2344616559" sldId="272"/>
        </pc:sldMkLst>
        <pc:inkChg chg="del">
          <ac:chgData name="Anton Ruby" userId="0437879b-7f11-4ed3-a9a2-ac7e51bb8ff3" providerId="ADAL" clId="{7DA0DACD-F718-4979-B1AD-D0B448BB6AF9}" dt="2022-05-16T12:34:28.880" v="0" actId="478"/>
          <ac:inkMkLst>
            <pc:docMk/>
            <pc:sldMk cId="2344616559" sldId="272"/>
            <ac:inkMk id="14" creationId="{7612B803-D023-39E0-8EE9-F04AE0599A79}"/>
          </ac:inkMkLst>
        </pc:inkChg>
      </pc:sldChg>
      <pc:sldChg chg="del">
        <pc:chgData name="Anton Ruby" userId="0437879b-7f11-4ed3-a9a2-ac7e51bb8ff3" providerId="ADAL" clId="{7DA0DACD-F718-4979-B1AD-D0B448BB6AF9}" dt="2022-05-16T13:29:19.334" v="25" actId="47"/>
        <pc:sldMkLst>
          <pc:docMk/>
          <pc:sldMk cId="2190939946" sldId="282"/>
        </pc:sldMkLst>
      </pc:sldChg>
      <pc:sldChg chg="delSp mod delAnim">
        <pc:chgData name="Anton Ruby" userId="0437879b-7f11-4ed3-a9a2-ac7e51bb8ff3" providerId="ADAL" clId="{7DA0DACD-F718-4979-B1AD-D0B448BB6AF9}" dt="2022-05-16T13:30:09.060" v="40" actId="478"/>
        <pc:sldMkLst>
          <pc:docMk/>
          <pc:sldMk cId="1137021820" sldId="284"/>
        </pc:sldMkLst>
        <pc:inkChg chg="del">
          <ac:chgData name="Anton Ruby" userId="0437879b-7f11-4ed3-a9a2-ac7e51bb8ff3" providerId="ADAL" clId="{7DA0DACD-F718-4979-B1AD-D0B448BB6AF9}" dt="2022-05-16T13:30:09.060" v="40" actId="478"/>
          <ac:inkMkLst>
            <pc:docMk/>
            <pc:sldMk cId="1137021820" sldId="284"/>
            <ac:inkMk id="11" creationId="{BA08A607-B190-B75A-7626-785F94B94574}"/>
          </ac:inkMkLst>
        </pc:inkChg>
      </pc:sldChg>
      <pc:sldChg chg="modAnim">
        <pc:chgData name="Anton Ruby" userId="0437879b-7f11-4ed3-a9a2-ac7e51bb8ff3" providerId="ADAL" clId="{7DA0DACD-F718-4979-B1AD-D0B448BB6AF9}" dt="2022-05-16T13:30:04.331" v="39"/>
        <pc:sldMkLst>
          <pc:docMk/>
          <pc:sldMk cId="398256639" sldId="285"/>
        </pc:sldMkLst>
      </pc:sldChg>
      <pc:sldChg chg="modAnim">
        <pc:chgData name="Anton Ruby" userId="0437879b-7f11-4ed3-a9a2-ac7e51bb8ff3" providerId="ADAL" clId="{7DA0DACD-F718-4979-B1AD-D0B448BB6AF9}" dt="2022-05-16T13:29:58.655" v="37"/>
        <pc:sldMkLst>
          <pc:docMk/>
          <pc:sldMk cId="3725563054" sldId="286"/>
        </pc:sldMkLst>
      </pc:sldChg>
      <pc:sldChg chg="modAnim">
        <pc:chgData name="Anton Ruby" userId="0437879b-7f11-4ed3-a9a2-ac7e51bb8ff3" providerId="ADAL" clId="{7DA0DACD-F718-4979-B1AD-D0B448BB6AF9}" dt="2022-05-16T13:28:18.595" v="23"/>
        <pc:sldMkLst>
          <pc:docMk/>
          <pc:sldMk cId="3150498467" sldId="289"/>
        </pc:sldMkLst>
      </pc:sldChg>
      <pc:sldChg chg="modAnim">
        <pc:chgData name="Anton Ruby" userId="0437879b-7f11-4ed3-a9a2-ac7e51bb8ff3" providerId="ADAL" clId="{7DA0DACD-F718-4979-B1AD-D0B448BB6AF9}" dt="2022-05-16T13:29:39.531" v="30"/>
        <pc:sldMkLst>
          <pc:docMk/>
          <pc:sldMk cId="2990447279" sldId="290"/>
        </pc:sldMkLst>
      </pc:sldChg>
      <pc:sldChg chg="addSp delSp modSp mod delAnim">
        <pc:chgData name="Anton Ruby" userId="0437879b-7f11-4ed3-a9a2-ac7e51bb8ff3" providerId="ADAL" clId="{7DA0DACD-F718-4979-B1AD-D0B448BB6AF9}" dt="2022-05-16T12:38:45.607" v="14" actId="1076"/>
        <pc:sldMkLst>
          <pc:docMk/>
          <pc:sldMk cId="2674694233" sldId="291"/>
        </pc:sldMkLst>
        <pc:graphicFrameChg chg="del">
          <ac:chgData name="Anton Ruby" userId="0437879b-7f11-4ed3-a9a2-ac7e51bb8ff3" providerId="ADAL" clId="{7DA0DACD-F718-4979-B1AD-D0B448BB6AF9}" dt="2022-05-16T12:35:37.793" v="2" actId="478"/>
          <ac:graphicFrameMkLst>
            <pc:docMk/>
            <pc:sldMk cId="2674694233" sldId="291"/>
            <ac:graphicFrameMk id="10" creationId="{070CAD80-E477-EACB-5936-EABCF35F51E8}"/>
          </ac:graphicFrameMkLst>
        </pc:graphicFrameChg>
        <pc:picChg chg="add mod">
          <ac:chgData name="Anton Ruby" userId="0437879b-7f11-4ed3-a9a2-ac7e51bb8ff3" providerId="ADAL" clId="{7DA0DACD-F718-4979-B1AD-D0B448BB6AF9}" dt="2022-05-16T12:38:42.774" v="13" actId="1076"/>
          <ac:picMkLst>
            <pc:docMk/>
            <pc:sldMk cId="2674694233" sldId="291"/>
            <ac:picMk id="6" creationId="{D30F5BD4-B8A6-48F7-A3B5-66540DCE525F}"/>
          </ac:picMkLst>
        </pc:picChg>
        <pc:picChg chg="del">
          <ac:chgData name="Anton Ruby" userId="0437879b-7f11-4ed3-a9a2-ac7e51bb8ff3" providerId="ADAL" clId="{7DA0DACD-F718-4979-B1AD-D0B448BB6AF9}" dt="2022-05-16T12:35:33.446" v="1" actId="478"/>
          <ac:picMkLst>
            <pc:docMk/>
            <pc:sldMk cId="2674694233" sldId="291"/>
            <ac:picMk id="7" creationId="{FBD007AA-6613-A4DD-42C6-F494389224BB}"/>
          </ac:picMkLst>
        </pc:picChg>
        <pc:picChg chg="add mod">
          <ac:chgData name="Anton Ruby" userId="0437879b-7f11-4ed3-a9a2-ac7e51bb8ff3" providerId="ADAL" clId="{7DA0DACD-F718-4979-B1AD-D0B448BB6AF9}" dt="2022-05-16T12:38:45.607" v="14" actId="1076"/>
          <ac:picMkLst>
            <pc:docMk/>
            <pc:sldMk cId="2674694233" sldId="291"/>
            <ac:picMk id="9" creationId="{D6D1335E-B7C3-40B6-B2DC-CAB770F53845}"/>
          </ac:picMkLst>
        </pc:picChg>
      </pc:sldChg>
      <pc:sldChg chg="add">
        <pc:chgData name="Anton Ruby" userId="0437879b-7f11-4ed3-a9a2-ac7e51bb8ff3" providerId="ADAL" clId="{7DA0DACD-F718-4979-B1AD-D0B448BB6AF9}" dt="2022-05-16T13:29:17.693" v="24"/>
        <pc:sldMkLst>
          <pc:docMk/>
          <pc:sldMk cId="3863730635" sldId="301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415630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/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b9fb548c-8292-4919-a829-2a06c0cddfd9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19ecb2c7-f831-4a59-9793-2402b634315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6. May 2022</a:t>
            </a:r>
          </a:p>
        </p:txBody>
      </p:sp>
      <p:sp>
        <p:nvSpPr>
          <p:cNvPr id="7" name="text" descr="{&quot;templafy&quot;:{&quot;id&quot;:&quot;dbd0448e-45fb-4a1e-8381-6d16ce2208c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3.pn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E17F80A-5A69-5B19-E29C-11A133FB4C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clusion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5DFD561-EF8B-86BE-C213-82E6CB68513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4E21423-4348-2343-2094-9D879AB3851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D30F5BD4-B8A6-48F7-A3B5-66540DCE525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4566" y="1576561"/>
            <a:ext cx="6985546" cy="4820263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D6D1335E-B7C3-40B6-B2DC-CAB770F5384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0112" y="3284984"/>
            <a:ext cx="4690152" cy="9727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7469423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D9C00CD-6BC7-04A7-3D5F-DA45185C501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84F17B8-0F19-C21F-4979-20BB3FE5EE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9031375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E065CBC6-C4FD-4A9A-1E3D-4D8776DA4F0C}"/>
              </a:ext>
            </a:extLst>
          </p:cNvPr>
          <p:cNvSpPr/>
          <p:nvPr/>
        </p:nvSpPr>
        <p:spPr>
          <a:xfrm>
            <a:off x="406574" y="1178196"/>
            <a:ext cx="4680520" cy="2769468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2021-08-26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F09F7A2-A039-434F-91E8-C1C1890D1B4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350320"/>
            <a:ext cx="3528392" cy="562131"/>
          </a:xfrm>
        </p:spPr>
        <p:txBody>
          <a:bodyPr/>
          <a:lstStyle/>
          <a:p>
            <a:r>
              <a:rPr lang="en-US" dirty="0"/>
              <a:t>The great picture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61B024B-9597-407E-89B7-7362F0BF358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77809" y="1429245"/>
            <a:ext cx="3384376" cy="1218616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General Linear Mod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83433BA-5EFC-4318-87E6-561B19CC30D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46CBC58-8131-4A18-AC76-F0D48097675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DCFABCA9-94CD-09DE-E61B-68CE207CD0EE}"/>
              </a:ext>
            </a:extLst>
          </p:cNvPr>
          <p:cNvSpPr/>
          <p:nvPr/>
        </p:nvSpPr>
        <p:spPr>
          <a:xfrm>
            <a:off x="6744504" y="1178196"/>
            <a:ext cx="4680520" cy="2769468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2021-08-26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0465C117-11FB-A57C-1921-5FE3A06A8930}"/>
              </a:ext>
            </a:extLst>
          </p:cNvPr>
          <p:cNvSpPr txBox="1"/>
          <p:nvPr/>
        </p:nvSpPr>
        <p:spPr>
          <a:xfrm>
            <a:off x="7391350" y="1178196"/>
            <a:ext cx="609600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Generalized Linear Models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49F06E6-276D-782A-D372-E0E377D6600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82691" y="1704716"/>
            <a:ext cx="3557044" cy="2083016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6F888184-2CC5-4A72-9E9C-F0747BC3EAC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36158" y="1516750"/>
            <a:ext cx="3897212" cy="2326278"/>
          </a:xfrm>
          <a:prstGeom prst="rect">
            <a:avLst/>
          </a:prstGeom>
        </p:spPr>
      </p:pic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C9834EDC-FBFA-FA65-5568-E9E82F1EFE27}"/>
              </a:ext>
            </a:extLst>
          </p:cNvPr>
          <p:cNvSpPr/>
          <p:nvPr/>
        </p:nvSpPr>
        <p:spPr>
          <a:xfrm>
            <a:off x="3502918" y="3738212"/>
            <a:ext cx="4680520" cy="2769468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eneralized Linear Models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32" name="Picture 31">
            <a:extLst>
              <a:ext uri="{FF2B5EF4-FFF2-40B4-BE49-F238E27FC236}">
                <a16:creationId xmlns:a16="http://schemas.microsoft.com/office/drawing/2014/main" id="{CAEA81F1-B71E-70CC-3573-C45E1D5056F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32213" y="4380566"/>
            <a:ext cx="2879688" cy="2108798"/>
          </a:xfrm>
          <a:prstGeom prst="rect">
            <a:avLst/>
          </a:prstGeom>
        </p:spPr>
      </p:pic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65D7C88B-48FC-14AE-9611-EE7E715594CD}"/>
              </a:ext>
            </a:extLst>
          </p:cNvPr>
          <p:cNvSpPr txBox="1">
            <a:spLocks/>
          </p:cNvSpPr>
          <p:nvPr/>
        </p:nvSpPr>
        <p:spPr bwMode="auto">
          <a:xfrm>
            <a:off x="3917860" y="4008486"/>
            <a:ext cx="3384376" cy="12186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ixed effect models </a:t>
            </a:r>
          </a:p>
        </p:txBody>
      </p:sp>
    </p:spTree>
    <p:extLst>
      <p:ext uri="{BB962C8B-B14F-4D97-AF65-F5344CB8AC3E}">
        <p14:creationId xmlns:p14="http://schemas.microsoft.com/office/powerpoint/2010/main" val="38637306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3" grpId="0" build="p"/>
      <p:bldP spid="22" grpId="0" animBg="1"/>
      <p:bldP spid="12" grpId="0" build="allAtOnce"/>
      <p:bldP spid="17" grpId="0" animBg="1"/>
      <p:bldP spid="18" grpId="0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E17F80A-5A69-5B19-E29C-11A133FB4C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del Building Framework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5DFD561-EF8B-86BE-C213-82E6CB68513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4E21423-4348-2343-2094-9D879AB3851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3</a:t>
            </a:fld>
            <a:endParaRPr lang="da-DK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6892425-B9A0-A23D-E2BC-6952A04234E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62958" y="1844824"/>
            <a:ext cx="3546700" cy="41216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9004709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Exam – Part 2</a:t>
            </a:r>
            <a:br>
              <a:rPr lang="en-US" dirty="0"/>
            </a:br>
            <a:r>
              <a:rPr lang="en-US" dirty="0"/>
              <a:t>17-05-2022</a:t>
            </a:r>
            <a:endParaRPr lang="en-US" sz="7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09F7A2-A039-434F-91E8-C1C1890D1B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vailable Dat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61B024B-9597-407E-89B7-7362F0BF358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83433BA-5EFC-4318-87E6-561B19CC30D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46CBC58-8131-4A18-AC76-F0D48097675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6BF460C3-2EC9-8CDC-D47F-A2AA5978421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30710" y="1708481"/>
            <a:ext cx="9326277" cy="41725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4461655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8CA1C7-A2DC-A69D-1DEC-C78542D9DA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82593"/>
          </a:xfrm>
        </p:spPr>
        <p:txBody>
          <a:bodyPr/>
          <a:lstStyle/>
          <a:p>
            <a:r>
              <a:rPr lang="en-US" dirty="0"/>
              <a:t>Difference in Clothing Chang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966119-4CB6-4984-32FB-394CC568A5B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D2E2805-292F-334D-BEF9-EA72763A31D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D54080-12B0-779F-143E-09C580E98C9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3E90373-7F8D-7330-6DDE-C89CE6E890F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8582" y="1251303"/>
            <a:ext cx="5040608" cy="5000603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96FEE158-2ED6-D6B6-C70B-84A96477513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334936" y="1619668"/>
            <a:ext cx="6604114" cy="4632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95620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8CA1C7-A2DC-A69D-1DEC-C78542D9DA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82593"/>
          </a:xfrm>
        </p:spPr>
        <p:txBody>
          <a:bodyPr/>
          <a:lstStyle/>
          <a:p>
            <a:r>
              <a:rPr lang="en-US" dirty="0"/>
              <a:t>Model formulation and Building 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966119-4CB6-4984-32FB-394CC568A5B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90750" y="1700808"/>
            <a:ext cx="9312374" cy="864096"/>
          </a:xfrm>
        </p:spPr>
        <p:txBody>
          <a:bodyPr/>
          <a:lstStyle/>
          <a:p>
            <a:pPr marL="0" indent="0">
              <a:buNone/>
            </a:pP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D2E2805-292F-334D-BEF9-EA72763A31D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D54080-12B0-779F-143E-09C580E98C9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DCF7B2C-F638-E2CD-B22C-17503E8453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646934" y="1556792"/>
            <a:ext cx="4544059" cy="1152686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4D5E7B53-B30F-69F8-02A4-B766E3F3809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90738" y="4214918"/>
            <a:ext cx="8869013" cy="1343212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BA1D597F-DA31-C7FF-6547-CA38C9ADBFE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7855" y="3063888"/>
            <a:ext cx="10888595" cy="10097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3702182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8CA1C7-A2DC-A69D-1DEC-C78542D9DA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82593"/>
          </a:xfrm>
        </p:spPr>
        <p:txBody>
          <a:bodyPr/>
          <a:lstStyle/>
          <a:p>
            <a:r>
              <a:rPr lang="en-US" dirty="0"/>
              <a:t>Diagnostic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D2E2805-292F-334D-BEF9-EA72763A31D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D54080-12B0-779F-143E-09C580E98C9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781EF34-F3CF-9EE6-4FA2-5F3451E837A9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50886"/>
          <a:stretch/>
        </p:blipFill>
        <p:spPr>
          <a:xfrm>
            <a:off x="1414686" y="1340768"/>
            <a:ext cx="4169909" cy="4621167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3B0BDAC5-FF94-594F-0B23-57218562EEE7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50048"/>
          <a:stretch/>
        </p:blipFill>
        <p:spPr>
          <a:xfrm>
            <a:off x="6632553" y="1463836"/>
            <a:ext cx="4240328" cy="45190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25663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BC527E13-743F-0DE7-BA18-0BED6666E904}"/>
              </a:ext>
            </a:extLst>
          </p:cNvPr>
          <p:cNvSpPr/>
          <p:nvPr/>
        </p:nvSpPr>
        <p:spPr>
          <a:xfrm>
            <a:off x="3142878" y="4446725"/>
            <a:ext cx="5607125" cy="1584175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400" b="1">
                <a:latin typeface="+mn-lt"/>
              </a:rPr>
              <a:t>2021-08-26</a:t>
            </a:r>
            <a:endParaRPr lang="en-US" sz="1400" dirty="0"/>
          </a:p>
        </p:txBody>
      </p:sp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BA8B7073-9531-30A7-F937-BE5BF6E7C760}"/>
              </a:ext>
            </a:extLst>
          </p:cNvPr>
          <p:cNvSpPr/>
          <p:nvPr/>
        </p:nvSpPr>
        <p:spPr>
          <a:xfrm>
            <a:off x="3142878" y="1661011"/>
            <a:ext cx="5607125" cy="2565695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400" b="1">
                <a:latin typeface="+mn-lt"/>
              </a:rPr>
              <a:t>2021-08-26</a:t>
            </a:r>
            <a:endParaRPr lang="en-US" sz="140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06BA8A4-30B3-589F-7F3B-6C255746BA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del formulation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FCF0CC6A-1FA4-ACE0-DB31-B2F44635565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115932" y="2164426"/>
            <a:ext cx="3496163" cy="1857634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7BF1DA4-617C-6185-94D9-995DB91979B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B058180-AB83-D439-C761-D980D93381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A6F144FE-CC45-D9E6-0F70-F5BB4C2DE08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83178" y="4989925"/>
            <a:ext cx="5161670" cy="972716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06D7F911-E76D-BB6E-2F38-5C64CA203D1A}"/>
              </a:ext>
            </a:extLst>
          </p:cNvPr>
          <p:cNvSpPr txBox="1"/>
          <p:nvPr/>
        </p:nvSpPr>
        <p:spPr>
          <a:xfrm>
            <a:off x="3445745" y="1804386"/>
            <a:ext cx="504056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latin typeface="+mn-lt"/>
              </a:rPr>
              <a:t>Model specification</a:t>
            </a:r>
            <a:r>
              <a:rPr lang="en-US" dirty="0">
                <a:latin typeface="+mn-lt"/>
              </a:rPr>
              <a:t> 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E2A6FF9-14E1-F996-9FD9-5AEEEA08C4D0}"/>
              </a:ext>
            </a:extLst>
          </p:cNvPr>
          <p:cNvSpPr txBox="1"/>
          <p:nvPr/>
        </p:nvSpPr>
        <p:spPr>
          <a:xfrm>
            <a:off x="3252627" y="4651371"/>
            <a:ext cx="609600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600" b="1" dirty="0">
                <a:latin typeface="+mn-lt"/>
              </a:rPr>
              <a:t>Marginal</a:t>
            </a:r>
            <a:r>
              <a:rPr lang="en-US" b="1" dirty="0">
                <a:latin typeface="+mn-lt"/>
              </a:rPr>
              <a:t> Likelihood </a:t>
            </a:r>
            <a:endParaRPr lang="en-US" dirty="0">
              <a:latin typeface="+mn-lt"/>
            </a:endParaRP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F459C502-C63B-180C-C4E4-F6CA9BA35E9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53113" y="3381179"/>
            <a:ext cx="1705213" cy="5811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556305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BA8B7073-9531-30A7-F937-BE5BF6E7C760}"/>
              </a:ext>
            </a:extLst>
          </p:cNvPr>
          <p:cNvSpPr/>
          <p:nvPr/>
        </p:nvSpPr>
        <p:spPr>
          <a:xfrm>
            <a:off x="823787" y="1773457"/>
            <a:ext cx="10528003" cy="4391847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400" b="1">
                <a:latin typeface="+mn-lt"/>
              </a:rPr>
              <a:t>2021-08-26</a:t>
            </a:r>
            <a:endParaRPr lang="en-US" sz="140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06BA8A4-30B3-589F-7F3B-6C255746BA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aplace approximation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7BF1DA4-617C-6185-94D9-995DB91979B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B058180-AB83-D439-C761-D980D93381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06D7F911-E76D-BB6E-2F38-5C64CA203D1A}"/>
              </a:ext>
            </a:extLst>
          </p:cNvPr>
          <p:cNvSpPr txBox="1"/>
          <p:nvPr/>
        </p:nvSpPr>
        <p:spPr>
          <a:xfrm>
            <a:off x="1126654" y="1916832"/>
            <a:ext cx="504056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b="1" dirty="0">
                <a:latin typeface="+mn-lt"/>
              </a:rPr>
              <a:t>The idea </a:t>
            </a:r>
            <a:r>
              <a:rPr lang="en-US" dirty="0">
                <a:latin typeface="+mn-lt"/>
              </a:rPr>
              <a:t> 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E2A6FF9-14E1-F996-9FD9-5AEEEA08C4D0}"/>
              </a:ext>
            </a:extLst>
          </p:cNvPr>
          <p:cNvSpPr txBox="1"/>
          <p:nvPr/>
        </p:nvSpPr>
        <p:spPr>
          <a:xfrm>
            <a:off x="933536" y="4713766"/>
            <a:ext cx="609600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 </a:t>
            </a:r>
            <a:endParaRPr lang="en-US" dirty="0">
              <a:latin typeface="+mn-lt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7D2849B-5D95-0B2B-CB9A-7DF4F15FD9B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76509" y="2381563"/>
            <a:ext cx="3286584" cy="724001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A7AED7CC-E7D9-5900-69F6-CFAD8E53B5C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03438" y="3038175"/>
            <a:ext cx="8345065" cy="838317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99F737F7-4461-B879-200C-5D55C3D54A1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76509" y="3911707"/>
            <a:ext cx="7478169" cy="85737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0F55B66A-CDDE-4C70-A56E-A88FDB0F9E5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231110" y="4690058"/>
            <a:ext cx="5384517" cy="10269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049846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E17F80A-5A69-5B19-E29C-11A133FB4C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nalytical </a:t>
            </a:r>
          </a:p>
        </p:txBody>
      </p:sp>
      <p:pic>
        <p:nvPicPr>
          <p:cNvPr id="11" name="Content Placeholder 10">
            <a:extLst>
              <a:ext uri="{FF2B5EF4-FFF2-40B4-BE49-F238E27FC236}">
                <a16:creationId xmlns:a16="http://schemas.microsoft.com/office/drawing/2014/main" id="{E7CFDEDF-FE3B-0745-090E-E91B17C7EC6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998862" y="4725144"/>
            <a:ext cx="5706271" cy="116221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5DFD561-EF8B-86BE-C213-82E6CB68513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4E21423-4348-2343-2094-9D879AB3851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64E0D6E8-BDBF-30B3-70B6-84467CEA128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70199" y="1844824"/>
            <a:ext cx="9050013" cy="1124107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4E7BCE62-D6E8-BE69-66D6-643921B2D93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89333" y="3285927"/>
            <a:ext cx="8954750" cy="10860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044727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b9fb548c-8292-4919-a829-2a06c0cddfd9","elementConfiguration":{"binding":"UserProfile.Offices.Workarea_{{DocumentLanguage}}","disableUpdates":false,"type":"text"}},{"type":"shape","id":"19ecb2c7-f831-4a59-9793-2402b634315c","elementConfiguration":{"format":"{{DateFormats.GeneralDate}}","binding":"Form.Date","disableUpdates":false,"type":"date"}},{"type":"shape","id":"dbd0448e-45fb-4a1e-8381-6d16ce2208c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1584817741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8u3c7hsQ9Ke7x8xgJlNruQ==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4D5E1A10-B5E6-482A-9521-846112537EBC}">
  <ds:schemaRefs/>
</ds:datastoreItem>
</file>

<file path=customXml/itemProps3.xml><?xml version="1.0" encoding="utf-8"?>
<ds:datastoreItem xmlns:ds="http://schemas.openxmlformats.org/officeDocument/2006/customXml" ds:itemID="{7FEA1E6D-AEEC-41D9-9E9A-45BA2EAE1656}">
  <ds:schemaRefs/>
</ds:datastoreItem>
</file>

<file path=customXml/itemProps4.xml><?xml version="1.0" encoding="utf-8"?>
<ds:datastoreItem xmlns:ds="http://schemas.openxmlformats.org/officeDocument/2006/customXml" ds:itemID="{A21E89D4-F487-4C26-905C-EE6B6998C9D1}">
  <ds:schemaRefs/>
</ds:datastoreItem>
</file>

<file path=customXml/itemProps5.xml><?xml version="1.0" encoding="utf-8"?>
<ds:datastoreItem xmlns:ds="http://schemas.openxmlformats.org/officeDocument/2006/customXml" ds:itemID="{A5211637-BEE7-4AAE-A4E7-A8EE3F203F81}">
  <ds:schemaRefs/>
</ds:datastoreItem>
</file>

<file path=customXml/itemProps6.xml><?xml version="1.0" encoding="utf-8"?>
<ds:datastoreItem xmlns:ds="http://schemas.openxmlformats.org/officeDocument/2006/customXml" ds:itemID="{5B29B696-7354-412C-9B8E-ED20D22F6B2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9275</TotalTime>
  <Words>67</Words>
  <Application>Microsoft Office PowerPoint</Application>
  <PresentationFormat>Brugerdefineret</PresentationFormat>
  <Paragraphs>38</Paragraphs>
  <Slides>13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3</vt:i4>
      </vt:variant>
    </vt:vector>
  </HeadingPairs>
  <TitlesOfParts>
    <vt:vector size="17" baseType="lpstr">
      <vt:lpstr>Arial</vt:lpstr>
      <vt:lpstr>Calibri</vt:lpstr>
      <vt:lpstr>Verdana</vt:lpstr>
      <vt:lpstr>Blank</vt:lpstr>
      <vt:lpstr>PowerPoint-præsentation</vt:lpstr>
      <vt:lpstr>Exam – Part 2 17-05-2022</vt:lpstr>
      <vt:lpstr>Available Data</vt:lpstr>
      <vt:lpstr>Difference in Clothing Changes</vt:lpstr>
      <vt:lpstr>Model formulation and Building  </vt:lpstr>
      <vt:lpstr>Diagnostics</vt:lpstr>
      <vt:lpstr>Model formulation</vt:lpstr>
      <vt:lpstr>Laplace approximation </vt:lpstr>
      <vt:lpstr>Analytical </vt:lpstr>
      <vt:lpstr>Conclusion </vt:lpstr>
      <vt:lpstr>PowerPoint-præsentation</vt:lpstr>
      <vt:lpstr>The great picture </vt:lpstr>
      <vt:lpstr>Model Building Framework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nton Ruby Larsen</cp:lastModifiedBy>
  <cp:revision>226</cp:revision>
  <dcterms:created xsi:type="dcterms:W3CDTF">2017-07-31T08:31:56Z</dcterms:created>
  <dcterms:modified xsi:type="dcterms:W3CDTF">2022-05-17T08:48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463104285231417</vt:lpwstr>
  </property>
  <property fmtid="{D5CDD505-2E9C-101B-9397-08002B2CF9AE}" pid="6" name="TemplafyLanguageCode">
    <vt:lpwstr>da-DK</vt:lpwstr>
  </property>
</Properties>
</file>